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1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6" uniqueCount="7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トルコ</t>
  </si>
  <si>
    <t>令和 3年 1月31日</t>
  </si>
  <si>
    <t>不明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A3" sqref="A3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8</v>
      </c>
    </row>
    <row r="4" spans="1:5" ht="21" x14ac:dyDescent="0.4">
      <c r="A4" s="4" t="s">
        <v>56</v>
      </c>
      <c r="D4" s="13" t="s">
        <v>57</v>
      </c>
      <c r="E4" s="3" t="s">
        <v>68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0</v>
      </c>
      <c r="C12" s="11">
        <v>29</v>
      </c>
      <c r="D12" s="12">
        <v>41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6</v>
      </c>
      <c r="C20" s="11">
        <v>72</v>
      </c>
      <c r="D20" s="12">
        <v>84</v>
      </c>
      <c r="E20" s="7"/>
    </row>
    <row r="21" spans="1:5" ht="25.15" customHeight="1" x14ac:dyDescent="0.4">
      <c r="A21" s="7" t="s">
        <v>14</v>
      </c>
      <c r="B21" s="8">
        <v>45</v>
      </c>
      <c r="C21" s="11">
        <v>22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9</v>
      </c>
      <c r="B28" s="8">
        <v>77</v>
      </c>
      <c r="C28" s="11">
        <v>57</v>
      </c>
      <c r="D28" s="12">
        <v>20</v>
      </c>
      <c r="E28" s="7"/>
    </row>
    <row r="29" spans="1:5" ht="25.15" customHeight="1" x14ac:dyDescent="0.4">
      <c r="A29" s="7" t="s">
        <v>20</v>
      </c>
      <c r="B29" s="8">
        <v>38</v>
      </c>
      <c r="C29" s="11">
        <v>33</v>
      </c>
      <c r="D29" s="12">
        <v>5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3</v>
      </c>
      <c r="D36" s="12">
        <v>50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4</v>
      </c>
      <c r="C41" s="11">
        <v>4</v>
      </c>
      <c r="D41" s="12">
        <v>0</v>
      </c>
      <c r="E41" s="7"/>
    </row>
    <row r="42" spans="1:5" ht="25.15" customHeight="1" x14ac:dyDescent="0.4">
      <c r="A42" s="7" t="s">
        <v>31</v>
      </c>
      <c r="B42" s="8">
        <v>14</v>
      </c>
      <c r="C42" s="11">
        <v>9</v>
      </c>
      <c r="D42" s="12">
        <v>5</v>
      </c>
      <c r="E42" s="7"/>
    </row>
    <row r="43" spans="1:5" ht="25.15" customHeight="1" x14ac:dyDescent="0.4">
      <c r="A43" s="7" t="s">
        <v>32</v>
      </c>
      <c r="B43" s="8">
        <v>3</v>
      </c>
      <c r="C43" s="11">
        <v>2</v>
      </c>
      <c r="D43" s="12">
        <v>1</v>
      </c>
      <c r="E43" s="7"/>
    </row>
    <row r="44" spans="1:5" ht="25.15" customHeight="1" x14ac:dyDescent="0.4">
      <c r="A44" s="7" t="s">
        <v>33</v>
      </c>
      <c r="B44" s="8">
        <v>2</v>
      </c>
      <c r="C44" s="11">
        <v>2</v>
      </c>
      <c r="D44" s="12">
        <v>0</v>
      </c>
      <c r="E44" s="7"/>
    </row>
    <row r="45" spans="1:5" ht="25.15" customHeight="1" x14ac:dyDescent="0.4">
      <c r="A45" s="7" t="s">
        <v>34</v>
      </c>
      <c r="B45" s="8">
        <v>1</v>
      </c>
      <c r="C45" s="11">
        <v>0</v>
      </c>
      <c r="D45" s="12">
        <v>1</v>
      </c>
      <c r="E45" s="7"/>
    </row>
    <row r="46" spans="1:5" ht="25.15" customHeight="1" x14ac:dyDescent="0.4">
      <c r="A46" s="7" t="s">
        <v>35</v>
      </c>
      <c r="B46" s="8">
        <v>68</v>
      </c>
      <c r="C46" s="11">
        <v>32</v>
      </c>
      <c r="D46" s="12">
        <v>36</v>
      </c>
      <c r="E46" s="7"/>
    </row>
    <row r="47" spans="1:5" ht="25.15" customHeight="1" x14ac:dyDescent="0.4">
      <c r="A47" s="7" t="s">
        <v>36</v>
      </c>
      <c r="B47" s="8">
        <v>340</v>
      </c>
      <c r="C47" s="11">
        <v>151</v>
      </c>
      <c r="D47" s="12">
        <v>189</v>
      </c>
      <c r="E47" s="7"/>
    </row>
    <row r="48" spans="1:5" ht="25.15" customHeight="1" x14ac:dyDescent="0.4">
      <c r="A48" s="7" t="s">
        <v>37</v>
      </c>
      <c r="B48" s="8">
        <v>1</v>
      </c>
      <c r="C48" s="11">
        <v>1</v>
      </c>
      <c r="D48" s="12">
        <v>0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7</v>
      </c>
      <c r="C50" s="11">
        <v>2</v>
      </c>
      <c r="D50" s="12">
        <v>5</v>
      </c>
      <c r="E50" s="7"/>
    </row>
    <row r="51" spans="1:5" ht="25.15" customHeight="1" x14ac:dyDescent="0.4">
      <c r="A51" s="7" t="s">
        <v>40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41</v>
      </c>
      <c r="B52" s="8">
        <v>5</v>
      </c>
      <c r="C52" s="11">
        <v>1</v>
      </c>
      <c r="D52" s="12">
        <v>4</v>
      </c>
      <c r="E52" s="7"/>
    </row>
    <row r="53" spans="1:5" ht="25.15" customHeight="1" x14ac:dyDescent="0.4">
      <c r="A53" s="7" t="s">
        <v>42</v>
      </c>
      <c r="B53" s="8">
        <v>1</v>
      </c>
      <c r="C53" s="11">
        <v>1</v>
      </c>
      <c r="D53" s="12">
        <v>0</v>
      </c>
      <c r="E53" s="7"/>
    </row>
    <row r="54" spans="1:5" ht="25.15" customHeight="1" x14ac:dyDescent="0.4">
      <c r="A54" s="7" t="s">
        <v>6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3</v>
      </c>
      <c r="B55" s="8">
        <v>6</v>
      </c>
      <c r="C55" s="11">
        <v>3</v>
      </c>
      <c r="D55" s="12">
        <v>3</v>
      </c>
      <c r="E55" s="7"/>
    </row>
    <row r="56" spans="1:5" ht="25.15" customHeight="1" x14ac:dyDescent="0.4">
      <c r="A56" s="7" t="s">
        <v>44</v>
      </c>
      <c r="B56" s="8">
        <v>26</v>
      </c>
      <c r="C56" s="11">
        <v>15</v>
      </c>
      <c r="D56" s="12">
        <v>11</v>
      </c>
      <c r="E56" s="7"/>
    </row>
    <row r="57" spans="1:5" ht="25.15" customHeight="1" x14ac:dyDescent="0.4">
      <c r="A57" s="7" t="s">
        <v>67</v>
      </c>
      <c r="B57" s="8">
        <v>1</v>
      </c>
      <c r="C57" s="11">
        <v>1</v>
      </c>
      <c r="D57" s="12">
        <v>0</v>
      </c>
      <c r="E57" s="7"/>
    </row>
    <row r="58" spans="1:5" ht="25.15" customHeight="1" x14ac:dyDescent="0.4">
      <c r="A58" s="7" t="s">
        <v>6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5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6</v>
      </c>
      <c r="B60" s="8">
        <v>15</v>
      </c>
      <c r="C60" s="11">
        <v>9</v>
      </c>
      <c r="D60" s="12">
        <v>6</v>
      </c>
      <c r="E60" s="7"/>
    </row>
    <row r="61" spans="1:5" ht="25.15" customHeight="1" x14ac:dyDescent="0.4">
      <c r="A61" s="7" t="s">
        <v>47</v>
      </c>
      <c r="B61" s="8">
        <v>465</v>
      </c>
      <c r="C61" s="11">
        <v>350</v>
      </c>
      <c r="D61" s="12">
        <v>115</v>
      </c>
      <c r="E61" s="7"/>
    </row>
    <row r="62" spans="1:5" ht="25.15" customHeight="1" x14ac:dyDescent="0.4">
      <c r="A62" s="7" t="s">
        <v>48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49</v>
      </c>
      <c r="B63" s="8">
        <v>262</v>
      </c>
      <c r="C63" s="11">
        <v>221</v>
      </c>
      <c r="D63" s="12">
        <v>41</v>
      </c>
      <c r="E63" s="7"/>
    </row>
    <row r="64" spans="1:5" ht="25.15" customHeight="1" x14ac:dyDescent="0.4">
      <c r="A64" s="7" t="s">
        <v>50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>
        <v>1</v>
      </c>
      <c r="C65" s="11">
        <v>0</v>
      </c>
      <c r="D65" s="12">
        <v>1</v>
      </c>
      <c r="E65" s="7"/>
    </row>
    <row r="66" spans="1:5" ht="25.15" customHeight="1" x14ac:dyDescent="0.4">
      <c r="A66" s="7" t="s">
        <v>70</v>
      </c>
      <c r="B66" s="8" t="s">
        <v>70</v>
      </c>
      <c r="C66" s="11" t="s">
        <v>70</v>
      </c>
      <c r="D66" s="12" t="s">
        <v>70</v>
      </c>
      <c r="E66" s="7"/>
    </row>
    <row r="67" spans="1:5" ht="25.15" customHeight="1" x14ac:dyDescent="0.4">
      <c r="A67" s="5" t="s">
        <v>51</v>
      </c>
      <c r="B67" s="8">
        <v>1831</v>
      </c>
      <c r="C67" s="8">
        <v>1152</v>
      </c>
      <c r="D67" s="8">
        <v>679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1-02-01T00:46:04Z</cp:lastPrinted>
  <dcterms:created xsi:type="dcterms:W3CDTF">2019-11-13T10:25:11Z</dcterms:created>
  <dcterms:modified xsi:type="dcterms:W3CDTF">2021-02-01T00:46:05Z</dcterms:modified>
</cp:coreProperties>
</file>